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mc:Ignorable="x15">
  <fileVersion appName="xl" lastEdited="6" lowestEdited="6" rupBuild="14420"/>
  <workbookPr/>
  <mc:AlternateContent xmlns:mc="http://schemas.openxmlformats.org/markup-compatibility/2006">
    <mc:Choice Requires="x15">
      <x15ac:absPath xmlns:x15ac="http://schemas.microsoft.com/office/spreadsheetml/2010/11/ac" url="C:\Users\051432\Downloads\"/>
    </mc:Choice>
  </mc:AlternateContent>
  <bookViews>
    <workbookView xWindow="37416" yWindow="816" windowWidth="31020" windowHeight="20040"/>
  </bookViews>
  <sheets>
    <sheet name="Vragen" sheetId="1" r:id="rId1"/>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88" uniqueCount="60">
  <si>
    <t>Algemeen</t>
  </si>
  <si>
    <t xml:space="preserve">Vraag nummer </t>
  </si>
  <si>
    <t>Vraag</t>
  </si>
  <si>
    <t>Toelichting firma</t>
  </si>
  <si>
    <t>Beschrijf uw bedrijv o.b.v. de volgende gegevens</t>
  </si>
  <si>
    <t>1a</t>
  </si>
  <si>
    <t>Naam</t>
  </si>
  <si>
    <t>1b</t>
  </si>
  <si>
    <t>Adres</t>
  </si>
  <si>
    <t>1c</t>
  </si>
  <si>
    <t>KVK-nummer (of vergelijkbaar voor andere landen)</t>
  </si>
  <si>
    <t>1d</t>
  </si>
  <si>
    <t>Contactpersoon (incl. mailadres)</t>
  </si>
  <si>
    <t>Stentretrievers</t>
  </si>
  <si>
    <t>1</t>
  </si>
  <si>
    <t>Welke stentretrievers kunt u aanbieden?</t>
  </si>
  <si>
    <t>2</t>
  </si>
  <si>
    <t>Op welke manier onderscheidt uw oplossing zich van andere leveranciers?</t>
  </si>
  <si>
    <t>3</t>
  </si>
  <si>
    <t>Sinds wanneer zijn uw producten in de EU commercieel beschikbaar?</t>
  </si>
  <si>
    <t>4</t>
  </si>
  <si>
    <t>Indien het product niet eerder in het EMC is gebruikt, kunt u referenties binnen nederland aanleveren van centra die &gt; 10 cases hebben gedaan?</t>
  </si>
  <si>
    <t>5</t>
  </si>
  <si>
    <t>Kunt u met(gepubliceerde) prospectieve studies aantonen wat de klinische effectieviteit is van uw product bij een LVO in de anterieure curculatie, bij voorkeur in een westerse patiënten populatie (complete reperfusion, FPR, technisch succes, outcome)? Kunt u de betreffende publicaties meesturen?</t>
  </si>
  <si>
    <t>6</t>
  </si>
  <si>
    <t>Indien er ihkv deze aanbesteding een test van deze productcatagorie gaat plaatsvinden, wat voor test zou u adviseren?</t>
  </si>
  <si>
    <t>7</t>
  </si>
  <si>
    <t>Indien er na de gunning een "proof of concept periode" wordt aangehouden. Dat wil zeggen een test of het product conform afspraken functioneert met de werkwijze in het EMC (balloonguide + SR zonder DAC). Hoe zou die eruit moeten zien en aan welke voorwaarden moet deze dan voldoen? (patient aantal, benchmark voor FPR, complete reperfusion, complicaties)</t>
  </si>
  <si>
    <t>8</t>
  </si>
  <si>
    <t>Kunt u publicaties aanleveren van vergelijkende studies (in patienten) tussen uw producten en andere producten die verkrijgbaar zijn in nederland?</t>
  </si>
  <si>
    <t>9</t>
  </si>
  <si>
    <t>Kunt u een prijsindicatie geven voor de door u aangeboden oplossing</t>
  </si>
  <si>
    <t>10</t>
  </si>
  <si>
    <t>Hoe verwacht u dat deze kosten zich ontwikkelingen op de midden- en lange-termijn?</t>
  </si>
  <si>
    <t>Balloon guide catheters</t>
  </si>
  <si>
    <t>Welke BCG kunt u aanbieden?</t>
  </si>
  <si>
    <t>Op welke manier onderscheidt uw oplossing zich van andere leveranciers en indien u meerdere producten beschikbaar heeft tot elkaar?</t>
  </si>
  <si>
    <t>Indien het product niet eerder in het EMC is gebruikt kunt u referenties binnen nederland aanleveren van centra die &gt; 10 cases hebben gedaan?</t>
  </si>
  <si>
    <t>Kunt u met(gepubliceerde) prospectieve studies aantonen wat de klinische effectieviteit is van uw product bij een LVO in de anterieure curculatie, bij voorkeur in een westerse patiënten populatie (technisch succes, optimale locatie van de tip van de BCG)? Kunt u de betreffende publicaties meesturen.</t>
  </si>
  <si>
    <t>Indien er na de gunning een "proof of concept periode" wordt aangehouden. Dat wil zeggen een test of het product conform afspraken functioneert met de werkwijze in het EMC (balloonguide + SR zonder DAC). Hoe zou die eruit moeten zien en aan welke voorwaarden moet die dan voldoen? (patient aantal, benchmark voor mogelijkheid bereiken optimale tippositie)</t>
  </si>
  <si>
    <t xml:space="preserve">Wat is de optimale set-up voor uw BCG? </t>
  </si>
  <si>
    <t>Kunt u de specificaties van uw product geven (lengte, OD, ID, sheath compatibility)?</t>
  </si>
  <si>
    <t>Is het mogelijk een catheter mee te leveren die bedoeld is om te navigeren voorbij de boogvaten?</t>
  </si>
  <si>
    <t>Kunt u publicaties aanleveren van vergelijkende studies (in patienten) tussen uw producten en van andere producten die verkrijgbaar zijn in nederland?</t>
  </si>
  <si>
    <t>Neuro coils</t>
  </si>
  <si>
    <t>Welke coils kunt u aanbieden?</t>
  </si>
  <si>
    <t>Op welke manier onderscheidt uw oplosing zich van andere leveranciers en indien u meerdere producten beschikbaar heeft tot elkaar?</t>
  </si>
  <si>
    <t>Kunt u met(gepubliceerde) prospectieve studies aantonen wat de klinische effectieviteit is van uw product, bij voorkeur in een westerse patiënten populatie (technisch succes, rekanalisatie-rate, falende/premature detachement)? Kunt u de betreffende publicaties meesturen.</t>
  </si>
  <si>
    <t>Indien er na de gunning een "proof of concept periode" wordt aangehouden. Dat wil zeggen een test of het product conform afspraken functioneert. Hoe zou die eruit moeten zien en aan welke voorwaarden moet die dan voldoen? (patient aantal, benchmark voor technisch succes en optreden van device failure/complicaties)</t>
  </si>
  <si>
    <t>Kunt u publicaties aanleveren van vergelijkende studies (in patienten) tussen uw producten met andere producten die verkrijgbaar zijn in nederland?</t>
  </si>
  <si>
    <t>Flowdiverters</t>
  </si>
  <si>
    <t>Welke flow diverter kunt u aanbieden?</t>
  </si>
  <si>
    <t>Indien het product niet eerder in het EMC is gebruikt kunt u referenties binnen nederland aanleveren van centra die &gt; 5 cases hebben gedaan?</t>
  </si>
  <si>
    <t>Kunt u de specificaties geven van uw product?</t>
  </si>
  <si>
    <t>Kunt u met(gepubliceerde) studies aantonen wat de klinische effectieviteit en het complicatie risico is van uw product (technisch succes, occlusie-rate, complicatie risico, brade deformation, late stent occlusie)? Kunt u de betreffende publicaties meesturen.</t>
  </si>
  <si>
    <t>Kunt u de studie meesturen met de langse klinische follow-up na plaatsen van uw product in patient populatie die &gt;50 patienten?</t>
  </si>
  <si>
    <t>Heeft uw product surface modificatie/coating? Kunt u die beschrijven? Kunt u publicaties mee sturen die de klinische effectiviteit beschrijft (trombusvorming, endothelialisatie), bij voorkeur in vivo?</t>
  </si>
  <si>
    <t>Overig</t>
  </si>
  <si>
    <t>Heeft u vragen gemist in deze consultatie waar u graag antwoord op had gegeven?</t>
  </si>
  <si>
    <t>Heeft u verder nog opmerkinge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mc:Ignorable="x14ac x16r2">
  <fonts count="5" x14ac:knownFonts="1">
    <font>
      <sz val="11"/>
      <color theme="1"/>
      <name val="Calibri"/>
      <family val="2"/>
      <scheme val="minor"/>
    </font>
    <font>
      <b/>
      <sz val="11"/>
      <color theme="1"/>
      <name val="Calibri"/>
      <family val="2"/>
      <scheme val="minor"/>
    </font>
    <font>
      <sz val="12"/>
      <color rgb="FF0A0101"/>
      <name val="Calibri"/>
      <family val="2"/>
      <scheme val="minor"/>
    </font>
    <font>
      <b/>
      <sz val="12"/>
      <color rgb="FF0A0101"/>
      <name val="Calibri"/>
      <family val="2"/>
      <scheme val="minor"/>
    </font>
    <font>
      <b/>
      <sz val="12"/>
      <color theme="1"/>
      <name val="Calibri"/>
      <family val="2"/>
      <scheme val="minor"/>
    </font>
  </fonts>
  <fills count="3">
    <fill>
      <patternFill patternType="none"/>
    </fill>
    <fill>
      <patternFill patternType="gray125"/>
    </fill>
    <fill>
      <patternFill patternType="solid">
        <fgColor rgb="FF00B050"/>
        <bgColor indexed="64"/>
      </patternFill>
    </fill>
  </fills>
  <borders count="8">
    <border>
      <left/>
      <right/>
      <top/>
      <bottom/>
      <diagonal/>
    </border>
    <border>
      <left style="thin">
        <color indexed="64"/>
      </left>
      <right style="thin">
        <color indexed="64"/>
      </right>
      <top style="thin">
        <color indexed="64"/>
      </top>
      <bottom style="thin">
        <color indexed="64"/>
      </bottom>
      <diagonal/>
    </border>
    <border>
      <left style="thin">
        <color rgb="FF000000"/>
      </left>
      <right style="thin">
        <color rgb="FF000000"/>
      </right>
      <top style="thin">
        <color rgb="FF000000"/>
      </top>
      <bottom style="thin">
        <color rgb="FF000000"/>
      </bottom>
      <diagonal/>
    </border>
    <border>
      <left style="thin">
        <color indexed="64"/>
      </left>
      <right style="thin">
        <color indexed="64"/>
      </right>
      <top style="thin">
        <color indexed="64"/>
      </top>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rgb="FF000000"/>
      </left>
      <right style="thin">
        <color rgb="FF000000"/>
      </right>
      <top/>
      <bottom style="thin">
        <color rgb="FF000000"/>
      </bottom>
      <diagonal/>
    </border>
  </borders>
  <cellStyleXfs count="1">
    <xf numFmtId="0" fontId="0" fillId="0" borderId="0"/>
  </cellStyleXfs>
  <cellXfs count="30">
    <xf numFmtId="0" fontId="0" fillId="0" borderId="0" xfId="0"/>
    <xf numFmtId="0" fontId="1" fillId="0" borderId="1" xfId="0" applyFont="1" applyBorder="1" applyAlignment="1">
      <alignment horizontal="center"/>
    </xf>
    <xf numFmtId="0" fontId="1" fillId="0" borderId="1" xfId="0" applyFont="1" applyBorder="1" applyAlignment="1">
      <alignment horizontal="center" vertical="top"/>
    </xf>
    <xf numFmtId="0" fontId="1" fillId="0" borderId="1" xfId="0" applyFont="1" applyBorder="1" applyAlignment="1">
      <alignment horizontal="center" wrapText="1"/>
    </xf>
    <xf numFmtId="0" fontId="0" fillId="0" borderId="1" xfId="0" applyBorder="1" applyAlignment="1">
      <alignment horizontal="left" vertical="center"/>
    </xf>
    <xf numFmtId="0" fontId="2" fillId="0" borderId="1" xfId="0" applyFont="1" applyBorder="1" applyAlignment="1">
      <alignment horizontal="left" vertical="top" wrapText="1"/>
    </xf>
    <xf numFmtId="0" fontId="0" fillId="0" borderId="1" xfId="0" applyBorder="1" applyAlignment="1">
      <alignment vertical="top"/>
    </xf>
    <xf numFmtId="0" fontId="2" fillId="0" borderId="1" xfId="0" applyFont="1" applyBorder="1" applyAlignment="1">
      <alignment vertical="top" wrapText="1"/>
    </xf>
    <xf numFmtId="0" fontId="0" fillId="0" borderId="1" xfId="0" applyBorder="1" applyAlignment="1">
      <alignment horizontal="left"/>
    </xf>
    <xf numFmtId="0" fontId="0" fillId="0" borderId="1" xfId="0" applyBorder="1" applyAlignment="1" applyProtection="1">
      <alignment wrapText="1"/>
      <protection locked="0"/>
    </xf>
    <xf numFmtId="0" fontId="0" fillId="0" borderId="2" xfId="0" applyBorder="1"/>
    <xf numFmtId="0" fontId="0" fillId="0" borderId="3" xfId="0" applyBorder="1" applyAlignment="1">
      <alignment horizontal="left"/>
    </xf>
    <xf numFmtId="0" fontId="2" fillId="0" borderId="3" xfId="0" applyFont="1" applyBorder="1" applyAlignment="1">
      <alignment vertical="top" wrapText="1"/>
    </xf>
    <xf numFmtId="0" fontId="1" fillId="0" borderId="1" xfId="0" applyFont="1" applyBorder="1" applyAlignment="1">
      <alignment horizontal="left"/>
    </xf>
    <xf numFmtId="0" fontId="0" fillId="0" borderId="2" xfId="0" applyBorder="1" applyAlignment="1">
      <alignment horizontal="left"/>
    </xf>
    <xf numFmtId="0" fontId="0" fillId="0" borderId="0" xfId="0" applyAlignment="1">
      <alignment horizontal="left"/>
    </xf>
    <xf numFmtId="0" fontId="2" fillId="0" borderId="2" xfId="0" applyFont="1" applyBorder="1" applyAlignment="1">
      <alignment vertical="top" wrapText="1"/>
    </xf>
    <xf numFmtId="0" fontId="0" fillId="0" borderId="2" xfId="0" applyBorder="1" applyAlignment="1" applyProtection="1">
      <alignment wrapText="1"/>
      <protection locked="0"/>
    </xf>
    <xf numFmtId="0" fontId="1" fillId="0" borderId="3" xfId="0" applyFont="1" applyBorder="1" applyAlignment="1">
      <alignment horizontal="left"/>
    </xf>
    <xf numFmtId="0" fontId="1" fillId="0" borderId="3" xfId="0" applyFont="1" applyBorder="1" applyAlignment="1">
      <alignment horizontal="center" vertical="top"/>
    </xf>
    <xf numFmtId="0" fontId="1" fillId="0" borderId="3" xfId="0" applyFont="1" applyBorder="1" applyAlignment="1">
      <alignment horizontal="center" wrapText="1"/>
    </xf>
    <xf numFmtId="0" fontId="0" fillId="0" borderId="7" xfId="0" applyBorder="1"/>
    <xf numFmtId="0" fontId="0" fillId="0" borderId="3" xfId="0" applyBorder="1" applyAlignment="1" applyProtection="1">
      <alignment wrapText="1"/>
      <protection locked="0"/>
    </xf>
    <xf numFmtId="0" fontId="4" fillId="2" borderId="1" xfId="0" applyFont="1" applyFill="1" applyBorder="1" applyAlignment="1">
      <alignment horizontal="center"/>
    </xf>
    <xf numFmtId="0" fontId="4" fillId="2" borderId="1" xfId="0" applyFont="1" applyFill="1" applyBorder="1" applyAlignment="1">
      <alignment horizontal="center" vertical="center"/>
    </xf>
    <xf numFmtId="0" fontId="3" fillId="2" borderId="1" xfId="0" applyFont="1" applyFill="1" applyBorder="1" applyAlignment="1">
      <alignment horizontal="center" vertical="top" wrapText="1"/>
    </xf>
    <xf numFmtId="0" fontId="4" fillId="2" borderId="4" xfId="0" applyFont="1" applyFill="1" applyBorder="1" applyAlignment="1">
      <alignment horizontal="center" vertical="center"/>
    </xf>
    <xf numFmtId="0" fontId="4" fillId="2" borderId="5" xfId="0" applyFont="1" applyFill="1" applyBorder="1" applyAlignment="1">
      <alignment horizontal="center" vertical="center"/>
    </xf>
    <xf numFmtId="0" fontId="4" fillId="2" borderId="6" xfId="0" applyFont="1" applyFill="1" applyBorder="1" applyAlignment="1">
      <alignment horizontal="center" vertical="center"/>
    </xf>
    <xf numFmtId="0" fontId="0" fillId="0" borderId="1" xfId="0" applyNumberFormat="1" applyBorder="1" applyAlignment="1">
      <alignment horizontal="left" vertical="center"/>
    </xf>
  </cellXfs>
  <cellStyles count="1">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4.xml"/><Relationship Id="rId3" Type="http://schemas.openxmlformats.org/officeDocument/2006/relationships/styles" Target="styles.xml"/><Relationship Id="rId7" Type="http://schemas.openxmlformats.org/officeDocument/2006/relationships/customXml" Target="../customXml/item3.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 Id="rId9" Type="http://schemas.openxmlformats.org/officeDocument/2006/relationships/customXml" Target="../customXml/item5.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dimension ref="A1:C63"/>
  <sheetViews>
    <sheetView tabSelected="1" topLeftCell="A10" zoomScaleNormal="100" workbookViewId="0">
      <selection activeCell="B17" sqref="B17"/>
    </sheetView>
  </sheetViews>
  <sheetFormatPr defaultRowHeight="15" customHeight="1" x14ac:dyDescent="0.3"/>
  <cols>
    <col min="1" max="1" width="14.109375" style="15" customWidth="1"/>
    <col min="2" max="2" width="90.44140625" customWidth="1"/>
    <col min="3" max="3" width="91.44140625" customWidth="1"/>
  </cols>
  <sheetData>
    <row r="1" spans="1:3" ht="15.6" x14ac:dyDescent="0.3">
      <c r="A1" s="23" t="s">
        <v>0</v>
      </c>
      <c r="B1" s="23"/>
      <c r="C1" s="23"/>
    </row>
    <row r="2" spans="1:3" ht="14.4" x14ac:dyDescent="0.3">
      <c r="A2" s="13" t="s">
        <v>1</v>
      </c>
      <c r="B2" s="1" t="s">
        <v>2</v>
      </c>
      <c r="C2" s="1" t="s">
        <v>3</v>
      </c>
    </row>
    <row r="3" spans="1:3" ht="15.6" x14ac:dyDescent="0.3">
      <c r="A3" s="4"/>
      <c r="B3" s="5" t="s">
        <v>4</v>
      </c>
      <c r="C3" s="9"/>
    </row>
    <row r="4" spans="1:3" ht="15.6" x14ac:dyDescent="0.3">
      <c r="A4" s="4" t="s">
        <v>5</v>
      </c>
      <c r="B4" s="5" t="s">
        <v>6</v>
      </c>
      <c r="C4" s="9"/>
    </row>
    <row r="5" spans="1:3" ht="15.6" x14ac:dyDescent="0.3">
      <c r="A5" s="4" t="s">
        <v>7</v>
      </c>
      <c r="B5" s="5" t="s">
        <v>8</v>
      </c>
      <c r="C5" s="9"/>
    </row>
    <row r="6" spans="1:3" ht="15.6" x14ac:dyDescent="0.3">
      <c r="A6" s="4" t="s">
        <v>9</v>
      </c>
      <c r="B6" s="5" t="s">
        <v>10</v>
      </c>
      <c r="C6" s="9"/>
    </row>
    <row r="7" spans="1:3" ht="15.6" x14ac:dyDescent="0.3">
      <c r="A7" s="4" t="s">
        <v>11</v>
      </c>
      <c r="B7" s="5" t="s">
        <v>12</v>
      </c>
      <c r="C7" s="9"/>
    </row>
    <row r="8" spans="1:3" ht="14.4" x14ac:dyDescent="0.3">
      <c r="A8" s="8"/>
      <c r="B8" s="6"/>
      <c r="C8" s="9"/>
    </row>
    <row r="9" spans="1:3" ht="15.6" x14ac:dyDescent="0.3">
      <c r="A9" s="24" t="s">
        <v>13</v>
      </c>
      <c r="B9" s="24"/>
      <c r="C9" s="24"/>
    </row>
    <row r="10" spans="1:3" ht="14.4" x14ac:dyDescent="0.3">
      <c r="A10" s="13" t="s">
        <v>1</v>
      </c>
      <c r="B10" s="2" t="s">
        <v>2</v>
      </c>
      <c r="C10" s="3" t="s">
        <v>3</v>
      </c>
    </row>
    <row r="11" spans="1:3" ht="15.6" x14ac:dyDescent="0.3">
      <c r="A11" s="29" t="s">
        <v>14</v>
      </c>
      <c r="B11" s="7" t="s">
        <v>15</v>
      </c>
      <c r="C11" s="9"/>
    </row>
    <row r="12" spans="1:3" ht="15.6" x14ac:dyDescent="0.3">
      <c r="A12" s="29" t="s">
        <v>16</v>
      </c>
      <c r="B12" s="7" t="s">
        <v>17</v>
      </c>
      <c r="C12" s="9"/>
    </row>
    <row r="13" spans="1:3" ht="15.6" x14ac:dyDescent="0.3">
      <c r="A13" s="29" t="s">
        <v>18</v>
      </c>
      <c r="B13" s="7" t="s">
        <v>19</v>
      </c>
      <c r="C13" s="9"/>
    </row>
    <row r="14" spans="1:3" ht="31.2" x14ac:dyDescent="0.3">
      <c r="A14" s="29" t="s">
        <v>20</v>
      </c>
      <c r="B14" s="7" t="s">
        <v>21</v>
      </c>
      <c r="C14" s="9"/>
    </row>
    <row r="15" spans="1:3" ht="62.4" x14ac:dyDescent="0.3">
      <c r="A15" s="29" t="s">
        <v>22</v>
      </c>
      <c r="B15" s="7" t="s">
        <v>23</v>
      </c>
      <c r="C15" s="9"/>
    </row>
    <row r="16" spans="1:3" ht="31.2" x14ac:dyDescent="0.3">
      <c r="A16" s="29" t="s">
        <v>24</v>
      </c>
      <c r="B16" s="7" t="s">
        <v>25</v>
      </c>
      <c r="C16" s="9"/>
    </row>
    <row r="17" spans="1:3" ht="78" x14ac:dyDescent="0.3">
      <c r="A17" s="29" t="s">
        <v>26</v>
      </c>
      <c r="B17" s="7" t="s">
        <v>27</v>
      </c>
      <c r="C17" s="9"/>
    </row>
    <row r="18" spans="1:3" ht="31.2" x14ac:dyDescent="0.3">
      <c r="A18" s="29" t="s">
        <v>28</v>
      </c>
      <c r="B18" s="7" t="s">
        <v>29</v>
      </c>
      <c r="C18" s="9"/>
    </row>
    <row r="19" spans="1:3" ht="15.6" x14ac:dyDescent="0.3">
      <c r="A19" s="29" t="s">
        <v>30</v>
      </c>
      <c r="B19" s="7" t="s">
        <v>31</v>
      </c>
      <c r="C19" s="9"/>
    </row>
    <row r="20" spans="1:3" ht="15.6" x14ac:dyDescent="0.3">
      <c r="A20" s="29" t="s">
        <v>32</v>
      </c>
      <c r="B20" s="7" t="s">
        <v>33</v>
      </c>
      <c r="C20" s="9"/>
    </row>
    <row r="21" spans="1:3" ht="15.6" x14ac:dyDescent="0.3">
      <c r="A21" s="24" t="s">
        <v>34</v>
      </c>
      <c r="B21" s="24"/>
      <c r="C21" s="24"/>
    </row>
    <row r="22" spans="1:3" ht="14.4" x14ac:dyDescent="0.3">
      <c r="A22" s="13" t="s">
        <v>1</v>
      </c>
      <c r="B22" s="2" t="s">
        <v>2</v>
      </c>
      <c r="C22" s="3" t="s">
        <v>3</v>
      </c>
    </row>
    <row r="23" spans="1:3" ht="15.6" x14ac:dyDescent="0.3">
      <c r="A23" s="4">
        <v>1</v>
      </c>
      <c r="B23" s="7" t="s">
        <v>35</v>
      </c>
      <c r="C23" s="9"/>
    </row>
    <row r="24" spans="1:3" ht="31.2" x14ac:dyDescent="0.3">
      <c r="A24" s="4">
        <v>2</v>
      </c>
      <c r="B24" s="7" t="s">
        <v>36</v>
      </c>
      <c r="C24" s="9"/>
    </row>
    <row r="25" spans="1:3" ht="15.6" x14ac:dyDescent="0.3">
      <c r="A25" s="4">
        <v>3</v>
      </c>
      <c r="B25" s="7" t="s">
        <v>19</v>
      </c>
      <c r="C25" s="9"/>
    </row>
    <row r="26" spans="1:3" ht="31.2" x14ac:dyDescent="0.3">
      <c r="A26" s="4">
        <v>4</v>
      </c>
      <c r="B26" s="7" t="s">
        <v>37</v>
      </c>
      <c r="C26" s="9"/>
    </row>
    <row r="27" spans="1:3" ht="62.4" x14ac:dyDescent="0.3">
      <c r="A27" s="4">
        <v>5</v>
      </c>
      <c r="B27" s="7" t="s">
        <v>38</v>
      </c>
      <c r="C27" s="9"/>
    </row>
    <row r="28" spans="1:3" ht="31.2" x14ac:dyDescent="0.3">
      <c r="A28" s="4">
        <v>6</v>
      </c>
      <c r="B28" s="7" t="s">
        <v>25</v>
      </c>
      <c r="C28" s="9"/>
    </row>
    <row r="29" spans="1:3" ht="78" x14ac:dyDescent="0.3">
      <c r="A29" s="4">
        <v>7</v>
      </c>
      <c r="B29" s="7" t="s">
        <v>39</v>
      </c>
      <c r="C29" s="9"/>
    </row>
    <row r="30" spans="1:3" ht="15.6" x14ac:dyDescent="0.3">
      <c r="A30" s="4">
        <v>8</v>
      </c>
      <c r="B30" s="7" t="s">
        <v>40</v>
      </c>
      <c r="C30" s="9"/>
    </row>
    <row r="31" spans="1:3" ht="15.6" x14ac:dyDescent="0.3">
      <c r="A31" s="4">
        <v>9</v>
      </c>
      <c r="B31" s="7" t="s">
        <v>41</v>
      </c>
      <c r="C31" s="9"/>
    </row>
    <row r="32" spans="1:3" ht="31.2" x14ac:dyDescent="0.3">
      <c r="A32" s="4">
        <v>10</v>
      </c>
      <c r="B32" s="7" t="s">
        <v>42</v>
      </c>
      <c r="C32" s="9"/>
    </row>
    <row r="33" spans="1:3" ht="31.2" x14ac:dyDescent="0.3">
      <c r="A33" s="4">
        <v>11</v>
      </c>
      <c r="B33" s="7" t="s">
        <v>43</v>
      </c>
      <c r="C33" s="9"/>
    </row>
    <row r="34" spans="1:3" ht="15.6" x14ac:dyDescent="0.3">
      <c r="A34" s="4">
        <v>12</v>
      </c>
      <c r="B34" s="7" t="s">
        <v>31</v>
      </c>
      <c r="C34" s="9"/>
    </row>
    <row r="35" spans="1:3" ht="15.6" x14ac:dyDescent="0.3">
      <c r="A35" s="4">
        <v>13</v>
      </c>
      <c r="B35" s="7" t="s">
        <v>33</v>
      </c>
      <c r="C35" s="9"/>
    </row>
    <row r="36" spans="1:3" ht="15.6" x14ac:dyDescent="0.3">
      <c r="A36" s="26" t="s">
        <v>44</v>
      </c>
      <c r="B36" s="27"/>
      <c r="C36" s="28"/>
    </row>
    <row r="37" spans="1:3" ht="14.4" x14ac:dyDescent="0.3">
      <c r="A37" s="13" t="s">
        <v>1</v>
      </c>
      <c r="B37" s="2" t="s">
        <v>2</v>
      </c>
      <c r="C37" s="3" t="s">
        <v>3</v>
      </c>
    </row>
    <row r="38" spans="1:3" ht="15.6" x14ac:dyDescent="0.3">
      <c r="A38" s="4">
        <v>1</v>
      </c>
      <c r="B38" s="7" t="s">
        <v>45</v>
      </c>
      <c r="C38" s="9"/>
    </row>
    <row r="39" spans="1:3" ht="31.2" x14ac:dyDescent="0.3">
      <c r="A39" s="4">
        <v>2</v>
      </c>
      <c r="B39" s="7" t="s">
        <v>46</v>
      </c>
      <c r="C39" s="9"/>
    </row>
    <row r="40" spans="1:3" ht="15.6" x14ac:dyDescent="0.3">
      <c r="A40" s="4">
        <v>3</v>
      </c>
      <c r="B40" s="7" t="s">
        <v>19</v>
      </c>
      <c r="C40" s="9"/>
    </row>
    <row r="41" spans="1:3" ht="31.2" x14ac:dyDescent="0.3">
      <c r="A41" s="4">
        <v>4</v>
      </c>
      <c r="B41" s="7" t="s">
        <v>37</v>
      </c>
      <c r="C41" s="9"/>
    </row>
    <row r="42" spans="1:3" ht="62.4" x14ac:dyDescent="0.3">
      <c r="A42" s="4">
        <v>5</v>
      </c>
      <c r="B42" s="7" t="s">
        <v>47</v>
      </c>
      <c r="C42" s="9"/>
    </row>
    <row r="43" spans="1:3" ht="31.2" x14ac:dyDescent="0.3">
      <c r="A43" s="4">
        <v>6</v>
      </c>
      <c r="B43" s="7" t="s">
        <v>25</v>
      </c>
      <c r="C43" s="9"/>
    </row>
    <row r="44" spans="1:3" ht="62.4" x14ac:dyDescent="0.3">
      <c r="A44" s="4">
        <v>7</v>
      </c>
      <c r="B44" s="7" t="s">
        <v>48</v>
      </c>
      <c r="C44" s="9"/>
    </row>
    <row r="45" spans="1:3" ht="31.2" x14ac:dyDescent="0.3">
      <c r="A45" s="4">
        <v>8</v>
      </c>
      <c r="B45" s="7" t="s">
        <v>49</v>
      </c>
      <c r="C45" s="9"/>
    </row>
    <row r="46" spans="1:3" ht="15.6" x14ac:dyDescent="0.3">
      <c r="A46" s="4">
        <v>9</v>
      </c>
      <c r="B46" s="7" t="s">
        <v>31</v>
      </c>
      <c r="C46" s="9"/>
    </row>
    <row r="47" spans="1:3" ht="15.6" x14ac:dyDescent="0.3">
      <c r="A47" s="4">
        <v>10</v>
      </c>
      <c r="B47" s="7" t="s">
        <v>33</v>
      </c>
      <c r="C47" s="9"/>
    </row>
    <row r="48" spans="1:3" ht="15.6" x14ac:dyDescent="0.3">
      <c r="A48" s="25" t="s">
        <v>50</v>
      </c>
      <c r="B48" s="25"/>
      <c r="C48" s="25"/>
    </row>
    <row r="49" spans="1:3" ht="14.4" x14ac:dyDescent="0.3">
      <c r="A49" s="18" t="s">
        <v>1</v>
      </c>
      <c r="B49" s="19" t="s">
        <v>2</v>
      </c>
      <c r="C49" s="20" t="s">
        <v>3</v>
      </c>
    </row>
    <row r="50" spans="1:3" ht="15.6" x14ac:dyDescent="0.3">
      <c r="A50" s="14">
        <v>1</v>
      </c>
      <c r="B50" s="7" t="s">
        <v>51</v>
      </c>
      <c r="C50" s="17"/>
    </row>
    <row r="51" spans="1:3" ht="31.2" x14ac:dyDescent="0.3">
      <c r="A51" s="14">
        <v>2</v>
      </c>
      <c r="B51" s="7" t="s">
        <v>46</v>
      </c>
      <c r="C51" s="10"/>
    </row>
    <row r="52" spans="1:3" ht="15.6" x14ac:dyDescent="0.3">
      <c r="A52" s="14">
        <v>3</v>
      </c>
      <c r="B52" s="7" t="s">
        <v>19</v>
      </c>
      <c r="C52" s="10"/>
    </row>
    <row r="53" spans="1:3" ht="31.2" x14ac:dyDescent="0.3">
      <c r="A53" s="14">
        <v>4</v>
      </c>
      <c r="B53" s="7" t="s">
        <v>52</v>
      </c>
      <c r="C53" s="10"/>
    </row>
    <row r="54" spans="1:3" ht="15.6" x14ac:dyDescent="0.3">
      <c r="A54" s="14">
        <v>5</v>
      </c>
      <c r="B54" s="7" t="s">
        <v>53</v>
      </c>
      <c r="C54" s="10"/>
    </row>
    <row r="55" spans="1:3" ht="46.8" x14ac:dyDescent="0.3">
      <c r="A55" s="14">
        <v>6</v>
      </c>
      <c r="B55" s="7" t="s">
        <v>54</v>
      </c>
      <c r="C55" s="10"/>
    </row>
    <row r="56" spans="1:3" ht="31.2" x14ac:dyDescent="0.3">
      <c r="A56" s="14">
        <v>7</v>
      </c>
      <c r="B56" s="7" t="s">
        <v>55</v>
      </c>
      <c r="C56" s="10"/>
    </row>
    <row r="57" spans="1:3" ht="46.8" x14ac:dyDescent="0.3">
      <c r="A57" s="14">
        <v>8</v>
      </c>
      <c r="B57" s="7" t="s">
        <v>56</v>
      </c>
      <c r="C57" s="10"/>
    </row>
    <row r="58" spans="1:3" ht="15" customHeight="1" x14ac:dyDescent="0.3">
      <c r="A58" s="14">
        <v>9</v>
      </c>
      <c r="B58" s="7" t="s">
        <v>31</v>
      </c>
      <c r="C58" s="21"/>
    </row>
    <row r="59" spans="1:3" ht="15" customHeight="1" x14ac:dyDescent="0.3">
      <c r="A59" s="14">
        <v>10</v>
      </c>
      <c r="B59" s="7" t="s">
        <v>33</v>
      </c>
      <c r="C59" s="10"/>
    </row>
    <row r="60" spans="1:3" ht="15" customHeight="1" x14ac:dyDescent="0.3">
      <c r="A60" s="25" t="s">
        <v>57</v>
      </c>
      <c r="B60" s="25"/>
      <c r="C60" s="25"/>
    </row>
    <row r="61" spans="1:3" ht="15" customHeight="1" x14ac:dyDescent="0.3">
      <c r="A61" s="13" t="s">
        <v>1</v>
      </c>
      <c r="B61" s="2" t="s">
        <v>2</v>
      </c>
      <c r="C61" s="3" t="s">
        <v>3</v>
      </c>
    </row>
    <row r="62" spans="1:3" ht="15" customHeight="1" x14ac:dyDescent="0.3">
      <c r="A62" s="11">
        <v>1</v>
      </c>
      <c r="B62" s="12" t="s">
        <v>58</v>
      </c>
      <c r="C62" s="22"/>
    </row>
    <row r="63" spans="1:3" ht="15" customHeight="1" x14ac:dyDescent="0.3">
      <c r="A63" s="14">
        <v>2</v>
      </c>
      <c r="B63" s="16" t="s">
        <v>59</v>
      </c>
      <c r="C63" s="10"/>
    </row>
  </sheetData>
  <mergeCells count="6">
    <mergeCell ref="A1:C1"/>
    <mergeCell ref="A9:C9"/>
    <mergeCell ref="A60:C60"/>
    <mergeCell ref="A21:C21"/>
    <mergeCell ref="A36:C36"/>
    <mergeCell ref="A48:C48"/>
  </mergeCells>
  <pageMargins left="0.7" right="0.7" top="0.75" bottom="0.75" header="0.3" footer="0.3"/>
  <pageSetup orientation="portrait" horizontalDpi="1200" verticalDpi="1200" r:id="rId1"/>
  <ignoredErrors>
    <ignoredError sqref="A11 A12:A20" numberStoredAsText="1"/>
  </ignoredError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62D44DA3A9B87C4AA325059C9FD42D5E" ma:contentTypeVersion="3" ma:contentTypeDescription="Een nieuw document maken." ma:contentTypeScope="" ma:versionID="4d24221efb3536df62434071d86284d9">
  <xsd:schema xmlns:xsd="http://www.w3.org/2001/XMLSchema" xmlns:xs="http://www.w3.org/2001/XMLSchema" xmlns:p="http://schemas.microsoft.com/office/2006/metadata/properties" xmlns:ns2="66d7d30d-f962-4cb9-b2c7-93a7e63fb188" targetNamespace="http://schemas.microsoft.com/office/2006/metadata/properties" ma:root="true" ma:fieldsID="c3d4e08a3e6e504c98eceddddff27c2b" ns2:_="">
    <xsd:import namespace="66d7d30d-f962-4cb9-b2c7-93a7e63fb188"/>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d7d30d-f962-4cb9-b2c7-93a7e63fb18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transformationConfigurations":[],"templateName":"blankspreadshee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BBB82B2F-F40B-4FB8-A5E0-E7DCF7F8B798}">
  <ds:schemaRefs>
    <ds:schemaRef ds:uri="http://schemas.microsoft.com/sharepoint/v3/contenttype/forms"/>
  </ds:schemaRefs>
</ds:datastoreItem>
</file>

<file path=customXml/itemProps2.xml><?xml version="1.0" encoding="utf-8"?>
<ds:datastoreItem xmlns:ds="http://schemas.openxmlformats.org/officeDocument/2006/customXml" ds:itemID="{84B27561-8E4B-4301-8BFA-8650FDAE53C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d7d30d-f962-4cb9-b2c7-93a7e63fb18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614FEAA-2C2F-498E-9741-9E8B1C9220CC}">
  <ds:schemaRefs/>
</ds:datastoreItem>
</file>

<file path=customXml/itemProps4.xml><?xml version="1.0" encoding="utf-8"?>
<ds:datastoreItem xmlns:ds="http://schemas.openxmlformats.org/officeDocument/2006/customXml" ds:itemID="{E7706478-355D-4B99-80A4-7ED590D60A81}">
  <ds:schemaRefs/>
</ds:datastoreItem>
</file>

<file path=customXml/itemProps5.xml><?xml version="1.0" encoding="utf-8"?>
<ds:datastoreItem xmlns:ds="http://schemas.openxmlformats.org/officeDocument/2006/customXml" ds:itemID="{2C695A12-8DA0-473C-A688-0E818742082D}">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1</vt:i4>
      </vt:variant>
    </vt:vector>
  </HeadingPairs>
  <TitlesOfParts>
    <vt:vector size="1" baseType="lpstr">
      <vt:lpstr>Vragen</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Y. Beverloo</dc:creator>
  <cp:keywords/>
  <dc:description/>
  <cp:lastModifiedBy>A.E.M. Hoogendorp</cp:lastModifiedBy>
  <cp:revision/>
  <dcterms:created xsi:type="dcterms:W3CDTF">2022-03-03T08:10:18Z</dcterms:created>
  <dcterms:modified xsi:type="dcterms:W3CDTF">2025-07-21T12:36:03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2640843</vt:lpwstr>
  </property>
  <property fmtid="{D5CDD505-2E9C-101B-9397-08002B2CF9AE}" pid="4" name="TemplafyUserProfileId">
    <vt:lpwstr>637738539093322191</vt:lpwstr>
  </property>
  <property fmtid="{D5CDD505-2E9C-101B-9397-08002B2CF9AE}" pid="5" name="TemplafyFromBlank">
    <vt:bool>true</vt:bool>
  </property>
  <property fmtid="{D5CDD505-2E9C-101B-9397-08002B2CF9AE}" pid="6" name="ContentTypeId">
    <vt:lpwstr>0x01010062D44DA3A9B87C4AA325059C9FD42D5E</vt:lpwstr>
  </property>
  <property fmtid="{D5CDD505-2E9C-101B-9397-08002B2CF9AE}" pid="7" name="Order">
    <vt:r8>100</vt:r8>
  </property>
  <property fmtid="{D5CDD505-2E9C-101B-9397-08002B2CF9AE}" pid="8" name="_SourceUrl">
    <vt:lpwstr/>
  </property>
  <property fmtid="{D5CDD505-2E9C-101B-9397-08002B2CF9AE}" pid="9" name="_SharedFileIndex">
    <vt:lpwstr/>
  </property>
  <property fmtid="{D5CDD505-2E9C-101B-9397-08002B2CF9AE}" pid="10" name="ComplianceAssetId">
    <vt:lpwstr/>
  </property>
  <property fmtid="{D5CDD505-2E9C-101B-9397-08002B2CF9AE}" pid="11" name="_ExtendedDescription">
    <vt:lpwstr/>
  </property>
  <property fmtid="{D5CDD505-2E9C-101B-9397-08002B2CF9AE}" pid="12" name="TriggerFlowInfo">
    <vt:lpwstr/>
  </property>
</Properties>
</file>